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4年度\01_ワーク\"/>
    </mc:Choice>
  </mc:AlternateContent>
  <bookViews>
    <workbookView xWindow="0" yWindow="0" windowWidth="20490" windowHeight="7755"/>
  </bookViews>
  <sheets>
    <sheet name="令和５年5月末（出納整理期間）" sheetId="1" r:id="rId1"/>
  </sheets>
  <definedNames>
    <definedName name="_xlnm.Print_Area" localSheetId="0">'令和５年5月末（出納整理期間）'!$A$1:$O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30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令和４年度　県税調定収入状況（令和５年５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;&quot;▲ &quot;#,##0"/>
    <numFmt numFmtId="177" formatCode="#,##0.0;&quot;▲ &quot;#,##0.0"/>
    <numFmt numFmtId="178" formatCode="#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8" fontId="4" fillId="0" borderId="10" xfId="0" applyNumberFormat="1" applyFont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O25" sqref="O25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1"/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2" spans="1:16" s="3" customFormat="1" ht="24" customHeight="1" x14ac:dyDescent="0.15">
      <c r="A2" s="32" t="s">
        <v>29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3" t="s">
        <v>1</v>
      </c>
      <c r="B4" s="34"/>
      <c r="C4" s="34"/>
      <c r="D4" s="34"/>
      <c r="E4" s="34"/>
      <c r="F4" s="34"/>
      <c r="G4" s="35"/>
      <c r="H4" s="39" t="s">
        <v>2</v>
      </c>
      <c r="I4" s="40"/>
      <c r="J4" s="40"/>
      <c r="K4" s="41"/>
      <c r="L4" s="39" t="s">
        <v>3</v>
      </c>
      <c r="M4" s="40"/>
      <c r="N4" s="40"/>
      <c r="O4" s="41"/>
    </row>
    <row r="5" spans="1:16" ht="21.75" customHeight="1" x14ac:dyDescent="0.15">
      <c r="A5" s="36"/>
      <c r="B5" s="37"/>
      <c r="C5" s="37"/>
      <c r="D5" s="37"/>
      <c r="E5" s="37"/>
      <c r="F5" s="37"/>
      <c r="G5" s="38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2" t="s">
        <v>8</v>
      </c>
      <c r="C6" s="42"/>
      <c r="D6" s="42"/>
      <c r="E6" s="42"/>
      <c r="F6" s="42"/>
      <c r="G6" s="10"/>
      <c r="H6" s="11">
        <v>354032</v>
      </c>
      <c r="I6" s="11">
        <v>7513</v>
      </c>
      <c r="J6" s="11">
        <v>361545</v>
      </c>
      <c r="K6" s="12">
        <v>99.1</v>
      </c>
      <c r="L6" s="11">
        <v>350720</v>
      </c>
      <c r="M6" s="11">
        <v>2901</v>
      </c>
      <c r="N6" s="11">
        <v>353621</v>
      </c>
      <c r="O6" s="12">
        <v>99.2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19444</v>
      </c>
      <c r="I7" s="11">
        <v>7513</v>
      </c>
      <c r="J7" s="11">
        <v>326957</v>
      </c>
      <c r="K7" s="12">
        <v>102.9</v>
      </c>
      <c r="L7" s="11">
        <v>316132</v>
      </c>
      <c r="M7" s="11">
        <v>2901</v>
      </c>
      <c r="N7" s="11">
        <v>319033</v>
      </c>
      <c r="O7" s="12">
        <v>103.1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19552</v>
      </c>
      <c r="I8" s="11"/>
      <c r="J8" s="11">
        <v>19552</v>
      </c>
      <c r="K8" s="12">
        <v>94.7</v>
      </c>
      <c r="L8" s="11">
        <v>19552</v>
      </c>
      <c r="M8" s="11"/>
      <c r="N8" s="11">
        <v>19552</v>
      </c>
      <c r="O8" s="12">
        <v>94.7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15035</v>
      </c>
      <c r="I9" s="11"/>
      <c r="J9" s="11">
        <v>15035</v>
      </c>
      <c r="K9" s="12">
        <v>57.2</v>
      </c>
      <c r="L9" s="11">
        <v>15035</v>
      </c>
      <c r="M9" s="11"/>
      <c r="N9" s="11">
        <v>15035</v>
      </c>
      <c r="O9" s="12">
        <v>57.2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25656</v>
      </c>
      <c r="I10" s="11">
        <v>174</v>
      </c>
      <c r="J10" s="11">
        <v>25830</v>
      </c>
      <c r="K10" s="12">
        <v>109.5</v>
      </c>
      <c r="L10" s="11">
        <v>25626</v>
      </c>
      <c r="M10" s="11">
        <v>59</v>
      </c>
      <c r="N10" s="11">
        <v>25686</v>
      </c>
      <c r="O10" s="12">
        <v>109.6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939</v>
      </c>
      <c r="I11" s="11"/>
      <c r="J11" s="11">
        <v>939</v>
      </c>
      <c r="K11" s="12">
        <v>68.7</v>
      </c>
      <c r="L11" s="11">
        <v>939</v>
      </c>
      <c r="M11" s="11"/>
      <c r="N11" s="11">
        <v>939</v>
      </c>
      <c r="O11" s="12">
        <v>68.7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24002</v>
      </c>
      <c r="I12" s="11">
        <v>365</v>
      </c>
      <c r="J12" s="11">
        <v>24368</v>
      </c>
      <c r="K12" s="12">
        <v>120</v>
      </c>
      <c r="L12" s="11">
        <v>23721</v>
      </c>
      <c r="M12" s="11">
        <v>120</v>
      </c>
      <c r="N12" s="11">
        <v>23841</v>
      </c>
      <c r="O12" s="12">
        <v>119.6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303536</v>
      </c>
      <c r="I13" s="11">
        <v>918</v>
      </c>
      <c r="J13" s="11">
        <v>304454</v>
      </c>
      <c r="K13" s="12">
        <v>114.8</v>
      </c>
      <c r="L13" s="11">
        <v>303853</v>
      </c>
      <c r="M13" s="11">
        <v>250</v>
      </c>
      <c r="N13" s="11">
        <v>304104</v>
      </c>
      <c r="O13" s="12">
        <v>114.8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442596</v>
      </c>
      <c r="I14" s="11"/>
      <c r="J14" s="11">
        <v>442596</v>
      </c>
      <c r="K14" s="12">
        <v>105.7</v>
      </c>
      <c r="L14" s="11">
        <v>442596</v>
      </c>
      <c r="M14" s="11"/>
      <c r="N14" s="11">
        <v>442596</v>
      </c>
      <c r="O14" s="12">
        <v>105.7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30359</v>
      </c>
      <c r="I15" s="11">
        <v>580</v>
      </c>
      <c r="J15" s="11">
        <v>30939</v>
      </c>
      <c r="K15" s="12">
        <v>127.5</v>
      </c>
      <c r="L15" s="11">
        <v>29519</v>
      </c>
      <c r="M15" s="11">
        <v>164</v>
      </c>
      <c r="N15" s="11">
        <v>29683</v>
      </c>
      <c r="O15" s="12">
        <v>128.80000000000001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9826</v>
      </c>
      <c r="I16" s="11"/>
      <c r="J16" s="11">
        <v>9826</v>
      </c>
      <c r="K16" s="12">
        <v>105.7</v>
      </c>
      <c r="L16" s="11">
        <v>9826</v>
      </c>
      <c r="M16" s="11"/>
      <c r="N16" s="11">
        <v>9826</v>
      </c>
      <c r="O16" s="12">
        <v>105.7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1619</v>
      </c>
      <c r="I17" s="11"/>
      <c r="J17" s="11">
        <v>1619</v>
      </c>
      <c r="K17" s="12">
        <v>103.3</v>
      </c>
      <c r="L17" s="11">
        <v>1619</v>
      </c>
      <c r="M17" s="11"/>
      <c r="N17" s="11">
        <v>1619</v>
      </c>
      <c r="O17" s="12">
        <v>103.3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39397</v>
      </c>
      <c r="I18" s="11">
        <v>1564</v>
      </c>
      <c r="J18" s="11">
        <v>40961</v>
      </c>
      <c r="K18" s="12">
        <v>99.8</v>
      </c>
      <c r="L18" s="11">
        <v>37858</v>
      </c>
      <c r="M18" s="11">
        <v>1564</v>
      </c>
      <c r="N18" s="11">
        <v>39422</v>
      </c>
      <c r="O18" s="12">
        <v>99.9</v>
      </c>
      <c r="P18" s="13"/>
    </row>
    <row r="19" spans="1:16" s="14" customFormat="1" ht="21.75" customHeight="1" x14ac:dyDescent="0.15">
      <c r="A19" s="15"/>
      <c r="B19" s="43" t="s">
        <v>21</v>
      </c>
      <c r="C19" s="43"/>
      <c r="D19" s="18"/>
      <c r="E19" s="19"/>
      <c r="F19" s="20" t="s">
        <v>22</v>
      </c>
      <c r="G19" s="10"/>
      <c r="H19" s="11">
        <v>9057</v>
      </c>
      <c r="I19" s="11">
        <v>0</v>
      </c>
      <c r="J19" s="11">
        <v>9057</v>
      </c>
      <c r="K19" s="21">
        <v>135.6</v>
      </c>
      <c r="L19" s="11">
        <v>9058</v>
      </c>
      <c r="M19" s="11"/>
      <c r="N19" s="11">
        <v>9058</v>
      </c>
      <c r="O19" s="21">
        <v>135.6</v>
      </c>
      <c r="P19" s="13"/>
    </row>
    <row r="20" spans="1:16" s="14" customFormat="1" ht="21.75" customHeight="1" x14ac:dyDescent="0.15">
      <c r="A20" s="17"/>
      <c r="B20" s="44"/>
      <c r="C20" s="44"/>
      <c r="D20" s="22"/>
      <c r="E20" s="23"/>
      <c r="F20" s="24" t="s">
        <v>23</v>
      </c>
      <c r="G20" s="10"/>
      <c r="H20" s="11">
        <v>89525</v>
      </c>
      <c r="I20" s="11">
        <v>369</v>
      </c>
      <c r="J20" s="11">
        <v>89895</v>
      </c>
      <c r="K20" s="12">
        <v>100.8</v>
      </c>
      <c r="L20" s="11">
        <v>89292</v>
      </c>
      <c r="M20" s="11">
        <v>160</v>
      </c>
      <c r="N20" s="11">
        <v>89452</v>
      </c>
      <c r="O20" s="12">
        <v>100.7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>
        <v>15</v>
      </c>
      <c r="I21" s="11"/>
      <c r="J21" s="11">
        <v>15</v>
      </c>
      <c r="K21" s="21">
        <v>95.7</v>
      </c>
      <c r="L21" s="11">
        <v>15</v>
      </c>
      <c r="M21" s="11"/>
      <c r="N21" s="11">
        <v>15</v>
      </c>
      <c r="O21" s="21">
        <v>95.7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>
        <v>1</v>
      </c>
      <c r="I22" s="11">
        <v>249</v>
      </c>
      <c r="J22" s="11">
        <v>250</v>
      </c>
      <c r="K22" s="25">
        <v>61.3</v>
      </c>
      <c r="L22" s="26">
        <v>1</v>
      </c>
      <c r="M22" s="26">
        <v>30</v>
      </c>
      <c r="N22" s="26">
        <v>31</v>
      </c>
      <c r="O22" s="25">
        <v>36.6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>
        <v>51</v>
      </c>
      <c r="I23" s="11">
        <v>0</v>
      </c>
      <c r="J23" s="11">
        <v>51</v>
      </c>
      <c r="K23" s="29">
        <v>77370.600000000006</v>
      </c>
      <c r="L23" s="11">
        <v>51</v>
      </c>
      <c r="M23" s="11"/>
      <c r="N23" s="11">
        <v>51</v>
      </c>
      <c r="O23" s="29">
        <v>446672.4</v>
      </c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1330619</v>
      </c>
      <c r="I24" s="11">
        <v>11734</v>
      </c>
      <c r="J24" s="11">
        <v>1342353</v>
      </c>
      <c r="K24" s="12">
        <v>106</v>
      </c>
      <c r="L24" s="11">
        <v>1324701</v>
      </c>
      <c r="M24" s="11">
        <v>5252</v>
      </c>
      <c r="N24" s="11">
        <v>1329954</v>
      </c>
      <c r="O24" s="12">
        <v>106.1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５年5月末（出納整理期間）</vt:lpstr>
      <vt:lpstr>'令和５年5月末（出納整理期間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6-16T09:39:39Z</cp:lastPrinted>
  <dcterms:created xsi:type="dcterms:W3CDTF">2021-03-24T00:17:43Z</dcterms:created>
  <dcterms:modified xsi:type="dcterms:W3CDTF">2023-06-16T09:57:14Z</dcterms:modified>
</cp:coreProperties>
</file>